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napVertSplitter="1" vertBarState="minimized">
    <p:restoredLeft sz="5538" autoAdjust="0"/>
    <p:restoredTop sz="95646" autoAdjust="0"/>
  </p:normalViewPr>
  <p:slideViewPr>
    <p:cSldViewPr snapToGrid="0" snapToObjects="1">
      <p:cViewPr>
        <p:scale>
          <a:sx n="80" d="100"/>
          <a:sy n="80" d="100"/>
        </p:scale>
        <p:origin x="976" y="-24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5/19/2023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36268" y="143032"/>
            <a:ext cx="1480570" cy="216293"/>
            <a:chOff x="878357" y="114751"/>
            <a:chExt cx="148057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7835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0171F01A-70CC-A3FC-FAD4-A4029AE9B1B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6505915"/>
              </p:ext>
            </p:extLst>
          </p:nvPr>
        </p:nvGraphicFramePr>
        <p:xfrm>
          <a:off x="5623557" y="5782371"/>
          <a:ext cx="4279395" cy="96451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655713">
                  <a:extLst>
                    <a:ext uri="{9D8B030D-6E8A-4147-A177-3AD203B41FA5}">
                      <a16:colId xmlns:a16="http://schemas.microsoft.com/office/drawing/2014/main" val="4188725173"/>
                    </a:ext>
                  </a:extLst>
                </a:gridCol>
                <a:gridCol w="603947">
                  <a:extLst>
                    <a:ext uri="{9D8B030D-6E8A-4147-A177-3AD203B41FA5}">
                      <a16:colId xmlns:a16="http://schemas.microsoft.com/office/drawing/2014/main" val="2247054338"/>
                    </a:ext>
                  </a:extLst>
                </a:gridCol>
                <a:gridCol w="603947">
                  <a:extLst>
                    <a:ext uri="{9D8B030D-6E8A-4147-A177-3AD203B41FA5}">
                      <a16:colId xmlns:a16="http://schemas.microsoft.com/office/drawing/2014/main" val="3441093927"/>
                    </a:ext>
                  </a:extLst>
                </a:gridCol>
                <a:gridCol w="603947">
                  <a:extLst>
                    <a:ext uri="{9D8B030D-6E8A-4147-A177-3AD203B41FA5}">
                      <a16:colId xmlns:a16="http://schemas.microsoft.com/office/drawing/2014/main" val="617131556"/>
                    </a:ext>
                  </a:extLst>
                </a:gridCol>
                <a:gridCol w="603947">
                  <a:extLst>
                    <a:ext uri="{9D8B030D-6E8A-4147-A177-3AD203B41FA5}">
                      <a16:colId xmlns:a16="http://schemas.microsoft.com/office/drawing/2014/main" val="2854297636"/>
                    </a:ext>
                  </a:extLst>
                </a:gridCol>
                <a:gridCol w="603947">
                  <a:extLst>
                    <a:ext uri="{9D8B030D-6E8A-4147-A177-3AD203B41FA5}">
                      <a16:colId xmlns:a16="http://schemas.microsoft.com/office/drawing/2014/main" val="183557898"/>
                    </a:ext>
                  </a:extLst>
                </a:gridCol>
                <a:gridCol w="603947">
                  <a:extLst>
                    <a:ext uri="{9D8B030D-6E8A-4147-A177-3AD203B41FA5}">
                      <a16:colId xmlns:a16="http://schemas.microsoft.com/office/drawing/2014/main" val="151711250"/>
                    </a:ext>
                  </a:extLst>
                </a:gridCol>
              </a:tblGrid>
              <a:tr h="157568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700" u="none" strike="noStrike">
                          <a:effectLst/>
                        </a:rPr>
                        <a:t> </a:t>
                      </a:r>
                      <a:endParaRPr lang="en-GB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700" u="none" strike="noStrike">
                          <a:effectLst/>
                        </a:rPr>
                        <a:t> </a:t>
                      </a:r>
                      <a:endParaRPr lang="en-GB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GB" sz="700" u="none" strike="noStrike">
                          <a:effectLst/>
                        </a:rPr>
                        <a:t>Perpetuity Growth Rate (%)</a:t>
                      </a:r>
                      <a:endParaRPr lang="en-GB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7681" marR="67681" marT="33840" marB="33840" anchor="ctr"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720740173"/>
                  </a:ext>
                </a:extLst>
              </a:tr>
              <a:tr h="131692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GB" sz="700" u="none" strike="noStrike">
                          <a:effectLst/>
                        </a:rPr>
                        <a:t>WACC (%)</a:t>
                      </a:r>
                      <a:endParaRPr lang="en-GB" sz="7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7681" marR="67681" marT="33840" marB="33840" vert="vert27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u="none" strike="noStrike">
                          <a:effectLst/>
                        </a:rPr>
                        <a:t> 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600" u="none" strike="noStrike">
                          <a:effectLst/>
                        </a:rPr>
                        <a:t>0.00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600" u="none" strike="noStrike">
                          <a:effectLst/>
                        </a:rPr>
                        <a:t>0.25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600" u="none" strike="noStrike">
                          <a:effectLst/>
                        </a:rPr>
                        <a:t>0.50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600" u="none" strike="noStrike">
                          <a:effectLst/>
                        </a:rPr>
                        <a:t>0.75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600" u="none" strike="noStrike">
                          <a:effectLst/>
                        </a:rPr>
                        <a:t>1.00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818121154"/>
                  </a:ext>
                </a:extLst>
              </a:tr>
              <a:tr h="131692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u="none" strike="noStrike">
                          <a:effectLst/>
                        </a:rPr>
                        <a:t>7.5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888 / 404c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905 / 412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923 / 421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943 / 431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964 / 442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286305932"/>
                  </a:ext>
                </a:extLst>
              </a:tr>
              <a:tr h="131692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u="none" strike="noStrike">
                          <a:effectLst/>
                        </a:rPr>
                        <a:t>8.0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830 / 374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844 / 382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859 / 389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875 / 397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893 / 406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30946206"/>
                  </a:ext>
                </a:extLst>
              </a:tr>
              <a:tr h="131692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u="none" strike="noStrike">
                          <a:effectLst/>
                        </a:rPr>
                        <a:t>8.5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778 / 348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790 / 355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803 / 361c </a:t>
                      </a:r>
                      <a:endParaRPr lang="en-GB" sz="6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817 / 368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831 / 375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62373081"/>
                  </a:ext>
                </a:extLst>
              </a:tr>
              <a:tr h="131692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u="none" strike="noStrike">
                          <a:effectLst/>
                        </a:rPr>
                        <a:t>9.0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732 / 325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743 / 331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754 / 336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765 / 342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778 / 348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817674954"/>
                  </a:ext>
                </a:extLst>
              </a:tr>
              <a:tr h="131692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u="none" strike="noStrike">
                          <a:effectLst/>
                        </a:rPr>
                        <a:t>9.5%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691 / 305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700 / 309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>
                          <a:effectLst/>
                        </a:rPr>
                        <a:t>710 / 314c </a:t>
                      </a:r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 dirty="0">
                          <a:effectLst/>
                        </a:rPr>
                        <a:t>720 / 319c </a:t>
                      </a:r>
                      <a:endParaRPr lang="en-GB" sz="6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600" u="none" strike="noStrike" dirty="0">
                          <a:effectLst/>
                        </a:rPr>
                        <a:t>730 / 324c </a:t>
                      </a:r>
                      <a:endParaRPr lang="en-GB" sz="6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89501199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64EC38CA-E319-35F0-5ABC-262D00C454C3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707131089"/>
              </p:ext>
            </p:extLst>
          </p:nvPr>
        </p:nvGraphicFramePr>
        <p:xfrm>
          <a:off x="785686" y="5636906"/>
          <a:ext cx="4449254" cy="1109979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2566168">
                  <a:extLst>
                    <a:ext uri="{9D8B030D-6E8A-4147-A177-3AD203B41FA5}">
                      <a16:colId xmlns:a16="http://schemas.microsoft.com/office/drawing/2014/main" val="1104013490"/>
                    </a:ext>
                  </a:extLst>
                </a:gridCol>
                <a:gridCol w="941543">
                  <a:extLst>
                    <a:ext uri="{9D8B030D-6E8A-4147-A177-3AD203B41FA5}">
                      <a16:colId xmlns:a16="http://schemas.microsoft.com/office/drawing/2014/main" val="1236193106"/>
                    </a:ext>
                  </a:extLst>
                </a:gridCol>
                <a:gridCol w="941543">
                  <a:extLst>
                    <a:ext uri="{9D8B030D-6E8A-4147-A177-3AD203B41FA5}">
                      <a16:colId xmlns:a16="http://schemas.microsoft.com/office/drawing/2014/main" val="3087693986"/>
                    </a:ext>
                  </a:extLst>
                </a:gridCol>
              </a:tblGrid>
              <a:tr h="123331">
                <a:tc rowSpan="2"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Value Based on 8.5% WACC &amp; 0.5% TGR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0350" marR="60350" marT="30175" marB="30175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700" u="none" strike="noStrike">
                          <a:effectLst/>
                        </a:rPr>
                        <a:t>Amount</a:t>
                      </a:r>
                      <a:endParaRPr lang="en-GB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700" u="none" strike="noStrike">
                          <a:effectLst/>
                        </a:rPr>
                        <a:t>% of </a:t>
                      </a:r>
                      <a:endParaRPr lang="en-GB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38356976"/>
                  </a:ext>
                </a:extLst>
              </a:tr>
              <a:tr h="123331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700" u="none" strike="noStrike">
                          <a:effectLst/>
                        </a:rPr>
                        <a:t>($m)</a:t>
                      </a:r>
                      <a:endParaRPr lang="en-GB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700" u="none" strike="noStrike">
                          <a:effectLst/>
                        </a:rPr>
                        <a:t>NPV</a:t>
                      </a:r>
                      <a:endParaRPr lang="en-GB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946914904"/>
                  </a:ext>
                </a:extLst>
              </a:tr>
              <a:tr h="123331"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Present Value of Cashflows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409 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50.9% 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791363528"/>
                  </a:ext>
                </a:extLst>
              </a:tr>
              <a:tr h="123331"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PV of Terminal Value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394 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49.1% 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7737318"/>
                  </a:ext>
                </a:extLst>
              </a:tr>
              <a:tr h="123331"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Implied Firm NPV</a:t>
                      </a:r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803 </a:t>
                      </a:r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100.0% </a:t>
                      </a:r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178625231"/>
                  </a:ext>
                </a:extLst>
              </a:tr>
              <a:tr h="123331"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Net debt &amp; adjustments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(85)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379300953"/>
                  </a:ext>
                </a:extLst>
              </a:tr>
              <a:tr h="123331"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Implied equity value</a:t>
                      </a:r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718 </a:t>
                      </a:r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 </a:t>
                      </a:r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933332003"/>
                  </a:ext>
                </a:extLst>
              </a:tr>
              <a:tr h="123331"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Implied share price ($c)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361 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767469153"/>
                  </a:ext>
                </a:extLst>
              </a:tr>
              <a:tr h="123331"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% premium to current</a:t>
                      </a:r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500" u="none" strike="noStrike">
                          <a:effectLst/>
                        </a:rPr>
                        <a:t>118.8% </a:t>
                      </a:r>
                      <a:endParaRPr lang="en-GB" sz="5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GB" sz="5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822814330"/>
                  </a:ext>
                </a:extLst>
              </a:tr>
            </a:tbl>
          </a:graphicData>
        </a:graphic>
      </p:graphicFrame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BA933D1A-4214-C083-B059-A80AB53828A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925424847"/>
              </p:ext>
            </p:extLst>
          </p:nvPr>
        </p:nvGraphicFramePr>
        <p:xfrm>
          <a:off x="596593" y="1499373"/>
          <a:ext cx="9733893" cy="3839548"/>
        </p:xfrm>
        <a:graphic>
          <a:graphicData uri="http://schemas.openxmlformats.org/drawingml/2006/table">
            <a:tbl>
              <a:tblPr/>
              <a:tblGrid>
                <a:gridCol w="385847">
                  <a:extLst>
                    <a:ext uri="{9D8B030D-6E8A-4147-A177-3AD203B41FA5}">
                      <a16:colId xmlns:a16="http://schemas.microsoft.com/office/drawing/2014/main" val="3556208312"/>
                    </a:ext>
                  </a:extLst>
                </a:gridCol>
                <a:gridCol w="578771">
                  <a:extLst>
                    <a:ext uri="{9D8B030D-6E8A-4147-A177-3AD203B41FA5}">
                      <a16:colId xmlns:a16="http://schemas.microsoft.com/office/drawing/2014/main" val="1020676148"/>
                    </a:ext>
                  </a:extLst>
                </a:gridCol>
                <a:gridCol w="578771">
                  <a:extLst>
                    <a:ext uri="{9D8B030D-6E8A-4147-A177-3AD203B41FA5}">
                      <a16:colId xmlns:a16="http://schemas.microsoft.com/office/drawing/2014/main" val="994117642"/>
                    </a:ext>
                  </a:extLst>
                </a:gridCol>
                <a:gridCol w="447231">
                  <a:extLst>
                    <a:ext uri="{9D8B030D-6E8A-4147-A177-3AD203B41FA5}">
                      <a16:colId xmlns:a16="http://schemas.microsoft.com/office/drawing/2014/main" val="1522951924"/>
                    </a:ext>
                  </a:extLst>
                </a:gridCol>
                <a:gridCol w="447231">
                  <a:extLst>
                    <a:ext uri="{9D8B030D-6E8A-4147-A177-3AD203B41FA5}">
                      <a16:colId xmlns:a16="http://schemas.microsoft.com/office/drawing/2014/main" val="732943890"/>
                    </a:ext>
                  </a:extLst>
                </a:gridCol>
                <a:gridCol w="43847">
                  <a:extLst>
                    <a:ext uri="{9D8B030D-6E8A-4147-A177-3AD203B41FA5}">
                      <a16:colId xmlns:a16="http://schemas.microsoft.com/office/drawing/2014/main" val="1573810601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3533244933"/>
                    </a:ext>
                  </a:extLst>
                </a:gridCol>
                <a:gridCol w="666464">
                  <a:extLst>
                    <a:ext uri="{9D8B030D-6E8A-4147-A177-3AD203B41FA5}">
                      <a16:colId xmlns:a16="http://schemas.microsoft.com/office/drawing/2014/main" val="4115659587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2486206780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3689329691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4015799596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1527245146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1090862545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1281245545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1700796734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1526698961"/>
                    </a:ext>
                  </a:extLst>
                </a:gridCol>
                <a:gridCol w="613850">
                  <a:extLst>
                    <a:ext uri="{9D8B030D-6E8A-4147-A177-3AD203B41FA5}">
                      <a16:colId xmlns:a16="http://schemas.microsoft.com/office/drawing/2014/main" val="3167969130"/>
                    </a:ext>
                  </a:extLst>
                </a:gridCol>
                <a:gridCol w="447231">
                  <a:extLst>
                    <a:ext uri="{9D8B030D-6E8A-4147-A177-3AD203B41FA5}">
                      <a16:colId xmlns:a16="http://schemas.microsoft.com/office/drawing/2014/main" val="1793182518"/>
                    </a:ext>
                  </a:extLst>
                </a:gridCol>
              </a:tblGrid>
              <a:tr h="137194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224172408"/>
                  </a:ext>
                </a:extLst>
              </a:tr>
              <a:tr h="179360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71326606"/>
                  </a:ext>
                </a:extLst>
              </a:tr>
              <a:tr h="137194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9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2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80448916"/>
                  </a:ext>
                </a:extLst>
              </a:tr>
              <a:tr h="137194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33265544"/>
                  </a:ext>
                </a:extLst>
              </a:tr>
              <a:tr h="137194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910949475"/>
                  </a:ext>
                </a:extLst>
              </a:tr>
              <a:tr h="137194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65320081"/>
                  </a:ext>
                </a:extLst>
              </a:tr>
              <a:tr h="137194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3109839"/>
                  </a:ext>
                </a:extLst>
              </a:tr>
              <a:tr h="137194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07671645"/>
                  </a:ext>
                </a:extLst>
              </a:tr>
              <a:tr h="179360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565632085"/>
                  </a:ext>
                </a:extLst>
              </a:tr>
              <a:tr h="176276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7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4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9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23774140"/>
                  </a:ext>
                </a:extLst>
              </a:tr>
              <a:tr h="137194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96701285"/>
                  </a:ext>
                </a:extLst>
              </a:tr>
              <a:tr h="137194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22080770"/>
                  </a:ext>
                </a:extLst>
              </a:tr>
              <a:tr h="179360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82463421"/>
                  </a:ext>
                </a:extLst>
              </a:tr>
              <a:tr h="162601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2515821"/>
                  </a:ext>
                </a:extLst>
              </a:tr>
              <a:tr h="137194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96585048"/>
                  </a:ext>
                </a:extLst>
              </a:tr>
              <a:tr h="179360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94591477"/>
                  </a:ext>
                </a:extLst>
              </a:tr>
              <a:tr h="137194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0820619"/>
                  </a:ext>
                </a:extLst>
              </a:tr>
              <a:tr h="137194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66549290"/>
                  </a:ext>
                </a:extLst>
              </a:tr>
              <a:tr h="179360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62392848"/>
                  </a:ext>
                </a:extLst>
              </a:tr>
              <a:tr h="137194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50020897"/>
                  </a:ext>
                </a:extLst>
              </a:tr>
              <a:tr h="179360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7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70078261"/>
                  </a:ext>
                </a:extLst>
              </a:tr>
              <a:tr h="1626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92887655"/>
                  </a:ext>
                </a:extLst>
              </a:tr>
              <a:tr h="137194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77013484"/>
                  </a:ext>
                </a:extLst>
              </a:tr>
              <a:tr h="137194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81846349"/>
                  </a:ext>
                </a:extLst>
              </a:tr>
              <a:tr h="179360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94251364"/>
                  </a:ext>
                </a:extLst>
              </a:tr>
            </a:tbl>
          </a:graphicData>
        </a:graphic>
      </p:graphicFrame>
      <p:sp>
        <p:nvSpPr>
          <p:cNvPr id="20" name="Rectangle 19"/>
          <p:cNvSpPr>
            <a:spLocks/>
          </p:cNvSpPr>
          <p:nvPr/>
        </p:nvSpPr>
        <p:spPr>
          <a:xfrm>
            <a:off x="5623560" y="1312861"/>
            <a:ext cx="4279392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2850995" y="1312860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13</TotalTime>
  <Words>783</Words>
  <Application>Microsoft Office PowerPoint</Application>
  <PresentationFormat>Custom</PresentationFormat>
  <Paragraphs>390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Arial Narrow</vt:lpstr>
      <vt:lpstr>Calibr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Abhyankar, Subhamita Ama</cp:lastModifiedBy>
  <cp:revision>866</cp:revision>
  <cp:lastPrinted>2020-01-28T09:55:08Z</cp:lastPrinted>
  <dcterms:created xsi:type="dcterms:W3CDTF">2015-06-19T14:55:37Z</dcterms:created>
  <dcterms:modified xsi:type="dcterms:W3CDTF">2023-05-19T16:08:14Z</dcterms:modified>
</cp:coreProperties>
</file>